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xl/tables/table2.xml" ContentType="application/vnd.openxmlformats-officedocument.spreadsheetml.table+xml"/>
  <Override PartName="/xl/tables/table3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134\SETORES\DGC\3. UNIDADE DE RISCOS\RISCOS NAS CONTRATAÇÕES\MATERIAL MS\"/>
    </mc:Choice>
  </mc:AlternateContent>
  <bookViews>
    <workbookView xWindow="0" yWindow="0" windowWidth="16185" windowHeight="12270" activeTab="2"/>
  </bookViews>
  <sheets>
    <sheet name="Planejamento" sheetId="1" r:id="rId1"/>
    <sheet name="Seleção do Fornecedor" sheetId="2" r:id="rId2"/>
    <sheet name="Gestão do Contrato" sheetId="3" r:id="rId3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64" uniqueCount="224">
  <si>
    <t>Formalização da demanda</t>
  </si>
  <si>
    <t>Superdimensionamento pelas áreas das quantidades de bens ou serviços a serem adquiridos ou contratados.</t>
  </si>
  <si>
    <t>Demanda que não representa uma necessidade da organização.</t>
  </si>
  <si>
    <t>Ausência ou subdimensionamento da previsão da demanda (compra ou contratação) no Plano Anual de Contratação.</t>
  </si>
  <si>
    <t>•  Falta de conhecimento dos agentes públicos responsáveis pela contratação sobre o Plano Anual de Contratação;
• Fluxo interno deficiente de solicitação de aquisição.
• Surgimento de necessidade não conhecida à época da elaboração do PCA.</t>
  </si>
  <si>
    <t>• Contratação emergencial para atendimento da necessidade pública, com eventual apuração de responsabilidade em razão da descontinuidade.
• Inclusão da nova demanda no PCA.</t>
  </si>
  <si>
    <t>• Não realização de análise criteriosa da real necessidade;
• Urgência para finalizar formalização da demanda, sem realização do devido levantamento;
• Ausência de banco de dados/sistema informatiza- do de controle dos bens/seviços executados.</t>
  </si>
  <si>
    <t>• Caracterização de emergência fabricada ou fracionamento indevido de licitação;
• Desperdício de recursos;
• Descontinuidade da contratação para demandas continuadas;
• Impossibilidade de concretizar a compra/contratação.</t>
  </si>
  <si>
    <t>• Matriz de responsabilidade com a especificação dos papéis relacionados ao processo licitatório;
• Criação e divulgação de fluxo interno de inclusão da demanda;
• Capacitação anual dos agentes públicos que participam do processo de compras e contratações (ênfase em planejamento);
• Melhoria do controle de estoques e definição do ponto de ressuprimento de materiais.</t>
  </si>
  <si>
    <t>•  Desperdício de recursos;
• Dificuldade na elaboração/comprovação de justificativa de quantitativo.</t>
  </si>
  <si>
    <t>• Não realização de análise criteriosa da real necessidade;
• Baixa qualificação dos servidores dos setores requisitantes;
• Ausência de controle ou requisitos para iniciar formalização de demanda.</t>
  </si>
  <si>
    <t>• Elaboração de memória de cálculo pela área demandante detalhando a necessidade do produto ou serviço;
• Capacitação da área demandante quanto à fase de formalização da demanda.</t>
  </si>
  <si>
    <t>• Perda de tempo da equipe de planejamento elaborando o Estudo Técnico Preliminar;
• Desperdício de recursos públicos;
• Desperdício de tempo de todos os agentes envolvidos na contratação</t>
  </si>
  <si>
    <t>• Desenho de fluxo de trabalho interno, com previsão expressa de que haja justificativa para a necessidade de contratação e identificação do agente público que comunicou a necessidade;
• Capacitação da área demandante quanto ao levantamento de bens e serviços
utilizados pelo setor;
• Manutenção de repositório das compras efetuadas para ter uma base das compras necessárias.</t>
  </si>
  <si>
    <t>Início intempestivo da oficialização da demanda.</t>
  </si>
  <si>
    <t>• Falta de gestão da área demandante;
• Ausência de planejamento da área demandante.</t>
  </si>
  <si>
    <t>• Atraso na entrega do serviço, obra ou produto;
• Atraso no início das demais etapas do processo;
• Atraso na contratação;
•  Comprometimento do regular andamento de outros processos.</t>
  </si>
  <si>
    <t>• Verificação das alternativas legais para fins de viabilização da regularidade da contratação.</t>
  </si>
  <si>
    <t>Elaboração do Estudo Técnico Preliminar</t>
  </si>
  <si>
    <t>Justificativa de contratação inadequada ou não descrita em nível adequado.</t>
  </si>
  <si>
    <t>• Atraso na contratação em função do retrabalho;
• Contratação de uma solução que poderia ter sido evitada ou ter sido executada em melhores condições;
• Desperdício de recursos.</t>
  </si>
  <si>
    <t>• Matriz de responsabilidade com a especificação dos papéis relacionados ao processo de contratação;
• Desenho de fluxo de trabalho interno, adequado à realidade do órgão/entidade;
• Capacitação anual dos agentes públicos alocados nas áreas de compras e contratações;
• Capacitação prévia envolvendo também os agentes do setor demandante (área de negócio).</t>
  </si>
  <si>
    <t>• Ausência de conhecimento dos atores da importância da justificativa;
• Ausência de capacidade técnica da equipe.</t>
  </si>
  <si>
    <t>Não realização de estudos técnicos preliminares, quando obrigatórios</t>
  </si>
  <si>
    <t>• Resistência por parte dos servidores envolvidos no processo de contratação para elaboração do ETP;
• Falta de percepção dos servidores a respeito da relevância dos estudos preliminares – ETP;
• Ausência de fluxo interno definindo responsabilidades;
• Equipe reduzida;
• Ausência de capacidade técnica da equipe.</t>
  </si>
  <si>
    <t>• Formação de equipe multidisciplinar para elaboração do ETP, ainda que em contratações de pequena monta;
• Utilizar o modelo de ETP disposto no Anexo II do Decreto nº 15.941/2022.
• Criação de checklist para elaboração do ETP, baseado no modelo de ETP disposto no Anexo II do Decreto nº 15.941/2022.;
• Matriz de responsabilidade com a especificação dos papéis relacionados ao processo de contratação;
• Capacitação prévia envolvendo também os agentes do setor demandante (área de negócio);
• Capacitação dos servidores em relação às normas orientativas publicadas pela SAD.</t>
  </si>
  <si>
    <t>• Caso possível, devolução dos autos para que a área de planejamento realize o ETP;
• Responsabilização efetiva dos agentes públicos em caso de descumprimento das orientações.</t>
  </si>
  <si>
    <t>• Ausência de cultura de planejamento das contratações;
• Equipe envolvida na elaboração do ETP sem conhecimento adequado de planejamento e do objeto a ser contratado;
• Dificuldade em alocar servidores com experiência recomendada, tendo em vista que não há recompensa remuneratória em contraponto à responsabilidade assumida.</t>
  </si>
  <si>
    <t>Elaboração do ETP com especificações incompletas/desnecessárias ou com requisitos técnicos irrelevantes/insuficientes.</t>
  </si>
  <si>
    <t>• Diminuição da competição;
• Aumento indevido do valor da contratação;
• Elaboração do TR ou projeto básico sem elementos essenciais para seleção da proposta mais vantajosa;
• Solução contratada ou adquirida que não 
corresponde às necessidades da Administração Pública;
• Atraso na contratação em função do retrabalho;
• Republicação do edital;
• Nulidade do Processo Licitatório.</t>
  </si>
  <si>
    <t xml:space="preserve">• Criação de checklist que determina o ponto de partida necessário para definir especificações e requisitos para elaboração do ETP;
• Criação de equipe multidisciplinar para elaboração do ETP, visando manter a segregação de função e instâncias de revisão na elaboração do estudo;
• Capacitação dos servidores em relação ao tema Planejamento das Contratações;
• Capacitação dos servidores em relação às orientações expedidas pela SAD/PGE quanto à formação de preços.
</t>
  </si>
  <si>
    <t>Justificativa técnica e econômica inadequada</t>
  </si>
  <si>
    <t>• Falta de pessoal com conhecimento do mercado;
• Falta de levantamento de mercado;
• Memória de cálculo inexistente ou inadequada;
• Pesquisas de preços inadequadas.</t>
  </si>
  <si>
    <t>• Opções disponíveis para contratação que 
não atendem à necessidade da administração;
• Descumprimento do art.18, § 1º, Inciso V da Lei Nº 14.133/2021, que trata das regras para levantamento de mercado;
• Elaboração do TR ou projeto básico sem elementos essenciais para seleção da proposta mais vantajosa.</t>
  </si>
  <si>
    <t>• Capacitação dos servidores em relação ao tema Planejamento das Contratações;
• Criação de equipe multidisciplinar para elaboração do ETP;
• Apresentação no ETP de memória de cálculo que justifique a solução escolhida;
• A equipe de planejamento da contratação deve executar o levantamento de soluções de mercado junto a diferentes fontes possíveis, efetuando levantamento de contratações similares feitas por outros órgãos, consultando sítios de internet, visitando feiras, consultando publicações especializadas e pesquisando junto a fornecedores;
• Criação de checklist para elaboração do ETP, que determina a necessidade de levantamento de mercado.</t>
  </si>
  <si>
    <t>• Caso possível, devolução dos autos para que a área de planejamento promova as adequações necessárias no ETP;
• Responsabilização efetiva dos agentes públicos em caso de descumprimento das orientações.</t>
  </si>
  <si>
    <t>Elaboração do Termo de Referência ou Projeto Básico</t>
  </si>
  <si>
    <t>Elaboração de TR ou Projeto Básico desassociado do ETP.</t>
  </si>
  <si>
    <t>Opção pelo pregão presencial em detrimento do eletrônico.</t>
  </si>
  <si>
    <t>• Falta de familiaridade com os sistemas que permitem a realização do pregão eletrônico;
• Falta de estrutura operacional;
• Falta de capacitação dos agentes públicos;
• Ausência de adequada  parametrização do sistema operacional, inviabilizando a execução da licitação eletronicamente.</t>
  </si>
  <si>
    <t>•  Diminuição do universo de potenciais interessados e prejuízo à transparência;
• Contratação desvantajosa;
• Aumento dos riscos de integridade.</t>
  </si>
  <si>
    <t>• Falta de conhecimento da equipe responsável pela área de compras e contratações acerca do ETP;
• ETP precário ou deficiente.</t>
  </si>
  <si>
    <t>• Multiplicidade de esforços para realização do planejamento de licitações de objetos correlatos;
• Desperdício de recursos públicos;
• Retrabalho e desperdício de tempo na correção e adequação de instrumentos (ETP e TR).</t>
  </si>
  <si>
    <t>• Padronização dos documentos utilizados nas contratações públicas, mediante aprovação de modelos de Termos de Referência (TR) e de Projeto Básico (PB), com elementos mínimos necessários para um adequado planejamento das contratações;
• Capacitação dos agentes públicos envolvidos na fase de planejamento
(confecção de ETP e TR).</t>
  </si>
  <si>
    <t>• Caso possível, devolução dos autos para que a área de planejamento corrija as falhas e compatibilize os instrumentos de planejamento.</t>
  </si>
  <si>
    <t>• Capacitação anual dos agentes públicos responsáveis pelo certame;
• Fomento da conscientização dos agentes públicos pela não realização de pregão presencial em detrimento do eletrônico;
• Adequação e devida parametrização do sistema de modo a contemplar a devida observância dos dispositivos legais.</t>
  </si>
  <si>
    <t>• Não aprovação do certame, quando, a despeito da justificativa, a opção não encontrar guarida na legislação.</t>
  </si>
  <si>
    <t>Previsão dos recursos orçamentários necessários</t>
  </si>
  <si>
    <t>Indisponibilidade orçamentária para realização de licitação.</t>
  </si>
  <si>
    <t>• Comprometimento do orçamento com outras contratações e aditivos;
• Mudança no cenário fiscal que possa impactar em restrições;
• Ausência ou fragilidade no planejamento;
• Ausência de previsão da necessidade de contratação no Plano Anual de Contratação.</t>
  </si>
  <si>
    <t xml:space="preserve">• Matriz de responsabilidade com a especificação dos papéis relacionados ao processo licitatório;
• Capacitação anual dos agentes públicos alocados nas áreas de compras e contratações (ênfase em planejamento e formação de preços);
• Criação de rotina e de fluxo de identificação de eventos que podem comprometer o cumprimento do orçamento e do cronograma de desembolso da unidade;
• Acompanhamento dos tetos definidos pelo Orçamento;
• Repriorização das contratações;
• Realização de pesquisas de preços através dos portais de compras, atas de registro de preços, etc para estimar orçamento do ano seguinte, observando a legislação específica </t>
  </si>
  <si>
    <t>• Redução de valor de outros contratos/despesas para viabilizar o remanejamento orçamentário.</t>
  </si>
  <si>
    <t>Autorização da autoridade competente</t>
  </si>
  <si>
    <t>Falta de autorização da autoridade competente para abertura da licitação.</t>
  </si>
  <si>
    <t>• Ausência de fluxo desenhado para o procedimento licitatório;
• Falta de conhecimento dos agentes públicos responsáveis pela contratação.</t>
  </si>
  <si>
    <t>• Possibilidade de responsabilização dos agentes públicos;
• Nulidade do processo licitatório.</t>
  </si>
  <si>
    <t>• Matriz de responsabilidade com a especificação dos papéis relacionados ao processo licitatório;
• Desenho de fluxo de trabalho interno, adequado à realidade do órgão/entidade;
• Capacitação anual dos agentes públicos alocados nas áreas de compras e contratações;
• Elaborar e divulgar checklist contendo a documentação necessária para publicação;
• Publicação do edital pelo agente de contratação somente após verificação integral dos requisitos condicionantes para tanto.</t>
  </si>
  <si>
    <t>Designação do agente de contratação/equipe de apoio/comissão de contratação</t>
  </si>
  <si>
    <t>Formação de equipe sem experiência ou qualificação para conduzir a licitação.</t>
  </si>
  <si>
    <t>• Ausência de critério técnico para escolha da equipe;
• Ausência de pessoal técnico qualificado;
• Falta de conhecimento do órgão da importância da equipe envolvida no planejamento da licitação;
• Falta de atratividade das atividades relacionadas à licitação, em face do risco de responsabilização envolvido.</t>
  </si>
  <si>
    <t>• Capacitação dos agentes públicos sobre a necessidade de comunicar, de forma imediata, equívocos que tenham sido cometidos no curso do processo licitatório para a tomada de providências destinadas a mitigar/remediar potenciais danos;
• Anulação do processo licitatório e repetição do procedimento saneado do vício.</t>
  </si>
  <si>
    <t>• Perda de credibilidade e prejuízo reputacional ao ente público e comprometimento da cultura da organização;
• Demora no andamento dos processos podendo trazer prejuízos à prestação de serviços públicos e/ou gerar contratações emergenciais;
• Responsabilização do agente em virtude de atuação por culpa.</t>
  </si>
  <si>
    <t>• Capacitação dos agentes públicos para atender à necessidade da administração;
• Rodízio na comissão de contratação;
• Definição de critérios objetivos/requisitos técnicos para composição das equipes;
• Maior integração/cooperação dos órgãos de controle, mitigando riscos a partir da difusão de entendimentos.</t>
  </si>
  <si>
    <t>• Avaliação periódica dos agentes designados;
• Capacitação dos agentes públicos para atender à necessidade da administração;
• Substituição da equipe.</t>
  </si>
  <si>
    <t>Elaboração do edital e seus anexos</t>
  </si>
  <si>
    <t>Edital contendo cláusulas que podem direcionar a contratação para determinado fornecedor.</t>
  </si>
  <si>
    <t>• Requisitos excessivamente restritivos ou excessivamente abertos (restrição demais ou de menos), relacionados ao objeto e/ou à qualificação do licitante;
•  Conluio entre agentes públicos e privados;
• Conflitos de interesse entre agentes públicos e licitantes;
• Falta de uniformidade entre as decisões dos órgãos de controle, ampliando a insegurança jurídica do gestor ao incluir cláusulas que possam restringir a competição.</t>
  </si>
  <si>
    <t>• Desenho de fluxo de elaboração e aprovação de edital, destacando a matriz de responsabilidades;
• Desenho de fluxos e de processos internos para dar início à apuração de responsabilidade dos particulares;
• Inclusão da área técnica nos fluxos de trabalho e na matriz de responsabilidade;
• Segregação de decisões e identificação expressa dos responsáveis por cada 
decisão (autoria);
• Capacitação anual sobre os riscos de integridade e sobre a responsabilidade solidária dos envolvidos na contratação;
• Padronização de Termo de Referência e 
Edital, quando couber;
• Maior integração/cooperação dos órgãos de controle, mitigando riscos a partir da difusão de entendimentos.</t>
  </si>
  <si>
    <t>• Apuração da responsabilidade dos agentes públicos e dos particulares envolvidos.</t>
  </si>
  <si>
    <t>Edital contendo cláusulas que possibilitem a participação de licitantes que não têm capacidade técnica para executar o objeto.</t>
  </si>
  <si>
    <t xml:space="preserve">• Requisitos excessivamente abertos relacionados ao objeto e/ou à qualificação do licitante;
• Conluio entre agentes públicos e privados;
• Conflitos de interesse entre agentes públicos e licitantes;
• Falta de uniformidade entre as decisões dos órgãos de controle, ampliando a insegurança jurídica do gestor ao incluir cláusulas que possam restringir a competição.
</t>
  </si>
  <si>
    <t xml:space="preserve">• Avaliação quanto à pertinência da contratação;
• Apuração da responsabilidade dos agentes públicos e dos particulares envolvidos
</t>
  </si>
  <si>
    <t>Elaboração do Mapa Comparativo de Preços com valores superiores aos praticados no mercado.</t>
  </si>
  <si>
    <t xml:space="preserve">• Ausência de pesquisa de preços nos processos de instrução;
• Ausência de verificação de Atas de Registro de Preços  vigentes ou de outras fontes previstas na norma;
• Má-fé dos agentes públicos.
</t>
  </si>
  <si>
    <t>• Prejuízo à Administração Pública.</t>
  </si>
  <si>
    <t>• Realização de pesquisa de preços ;
• Consulta a Atas de Registro de Preços vigentes ou de outras fontes previstas na norma;
• Capacitação dos servidores quanto aos procedimentos necessários à pesquisa de preços.</t>
  </si>
  <si>
    <t>• Apuração de responsabilidade dos agentes públicos que não tenham observado às normas legais.
• Caso possível, devolução dos autos para que a área de planejamento corrija os valores do Mapa Comparativo de Preços.</t>
  </si>
  <si>
    <t>Parecer Jurídico/Nota Técnica</t>
  </si>
  <si>
    <t>• Fuga de potenciais licitantes, licitação deserta/fracassada;
• Perda de credibilidade e prejuízo reputacional ao ente público, comprometimento da cultura da organização;
• Contratação com sobrepreço.</t>
  </si>
  <si>
    <t>• Não obtenção do objeto contratado por incapacidade da empresa contratada em executar a avença;
• Descumprimento de obrigações previstas em leg- islação específica pela contratada;
• Execução inadequada do objeto.</t>
  </si>
  <si>
    <t>• Matriz de responsabilidade com a especificação dos papéis relacionados ao processo de contratação;
• Desenho de fluxo de trabalho interno, adequado à realidade do órgão/entidade;
• Capacitação anual dos agentes públicos alocados nas áreas demandantes, de compras e contratações;
• Capacitação prévia envolvendo os agentes do setor demandante (área do negócio).</t>
  </si>
  <si>
    <t>• Desperdício de recursos públicos;
• Quantidades inadequadas nos itens demandados;
• Especificações insuficientes;
• Não atendimento da necessidade que originou a contratação;
• Especificações indevidamente restritivas, 
com consequente diminuição da competição e aumento indevido do custo da contratação;
• Nulidade do Processo Licitatório.</t>
  </si>
  <si>
    <t>• Impossibilidade de contratação;
• Uso indevido do instituto do Registro de Preços;
• Execução do serviço sem lastro contratual;
• Parcelamento indevido da contratação;
• Prejuízo à economia de escala com o parcelamento indevido da contratação.</t>
  </si>
  <si>
    <t>• Responsabilização efetiva dos agentes públicos em caso de descumprimento das orientações.</t>
  </si>
  <si>
    <t>Análise jurídica superficial.</t>
  </si>
  <si>
    <t>• Falta de sistematização sobre o que deve ser verificado na avaliação de legalidade realizada pela assessoria jurídica;
• Avaliação de itens com baixo risco de ilegalidade em detrimento de outros com alto risco de ilegalidade;
• Setor jurídico (servidor em questão) se eximindo das suas responsabilidades;
• Desconhecimento da jusrisprudência.</t>
  </si>
  <si>
    <t>• Continuidade de licitação com vícios de legalidade.</t>
  </si>
  <si>
    <t>• Implementação dos checklists e orientações da PGE nas suas análises;
• Promoção de capacitação periódica específica para a área jurídica;
• Existência de instância revisora;
• Definir priorização dos itens com alto risco de ilegalidade;
• Matriz de responsabilidade com a especificação dos papéis relacionados ao processo licitatório.</t>
  </si>
  <si>
    <t>• Realização de nova análise.</t>
  </si>
  <si>
    <t>Atraso na finalização da análise jurídica do processo.</t>
  </si>
  <si>
    <t>• Elevado número de demandas frente ao quantitativo de servidores;
• Ausência de prazo padrão;
• Documentação enviada com atraso, incompleta ou não enviada pelo setor responsável.</t>
  </si>
  <si>
    <t>• Conclusão da fase de Seleção do Fornecedor após a data em que deve ser iniciada a prestação dos serviços/ obra ou realizado o fornecimento dos bens;
• Ausência de cobertura contratual para o serviço que não pode ser interrompido até a nova contratação resultante da licitação (possibilidade de existência do Termo de 
Ajuste de Contas);
• Atraso no início da execução do objeto.</t>
  </si>
  <si>
    <t>• Definir priorização e prazo para análise do jurídico;
• Definição de critérios objetivos/requisitos técnicos para composição das equipes;
• Elaborar e divulgar checklist contendo a documentação necessária para envio do setor responsável para o setor jurídico;
• Monitoramento das atividades do jurídico pela Alta Gestão através de metas e indicadores;
• Redimensionar a estrutura do Jurídico;
• Promoção de capacitação periódica específica para a área jurídica.</t>
  </si>
  <si>
    <t>• Contratação emergencial (com cláusula de morte súbita) para atendimento da necessidade pública, com eventual apuração de responsabilidade em razão da descontinuidade, enquanto o processo ordinário não for concluído.</t>
  </si>
  <si>
    <t>ETAPA</t>
  </si>
  <si>
    <t>RISCO</t>
  </si>
  <si>
    <t>CAUSA</t>
  </si>
  <si>
    <t>CONSEQUÊNCIA</t>
  </si>
  <si>
    <t>CONTROLE PREVENTIVO</t>
  </si>
  <si>
    <t>CONTROLE CORRETIVO</t>
  </si>
  <si>
    <t>• Desenho de fluxo de elaboração e aprovação de edital, destacando a matriz de responsabilidades;
• Desenho de fluxos que prevejam os procedimentos necessários à avaliação e rescisão contratual - caso seja considerada a melhor alternativa;
• Desenho de fluxos e processos internos para dar início à apuração de responsabilidade dos particulares;
• Inclusão da área técnica nos fluxos de trabalho e na matriz de responsabilidade;
• Segregação de decisões e identificação expressa dos responsáveis por cada 
decisão (autoria);
• Capacitação anual sobre os riscos de integridade e sobre a responsabilidade solidária dos envolvidos na contratação;
• Padronização de Termo de Referência e 
Edital, quando couber
• Maior integração/cooperação dos órgãos de controle, mitigando riscos a partir da difusão de entendimentos.</t>
  </si>
  <si>
    <t>Divulgação do edital de licitação</t>
  </si>
  <si>
    <t>Atraso na divulgação do aviso de licitação mesmo quando a fase preparatória é finalizada tempestivamente.</t>
  </si>
  <si>
    <t>• Conclusão da fase de Seleção do Fornecedor após a data em que deve ser iniciada a prestação dos serviços/obra ou realizado o fornecimento dos bens.</t>
  </si>
  <si>
    <t>Contratação emergencial (com cláusula de morte súbita) para atendimento da necessidade pública, com eventual apuração de responsabilidade em razão da descontinuidade, enquanto o processo ordinário não for concluído.</t>
  </si>
  <si>
    <t>Divulgação do aviso de licitação sem publicação do edital ou de algum anexo.</t>
  </si>
  <si>
    <t>• Desorganização interna;
• Falta de conhecimento dos agentes públicos sobre os documentos que precisam ser publicados.</t>
  </si>
  <si>
    <t>• Desorganização interna;
• Falta de contrato com Jornal de Grande Circulação.</t>
  </si>
  <si>
    <t>• Definição de área reponsável pelo monitoramento e report do andamento dos processos à Alta Gestão;
• Criação de fluxo interno com definição clara de responsabilidades e prazo;
• Elaboração de Matriz de Responsabilidade para auxiliar na identificação dos servidores designados por cada ação.</t>
  </si>
  <si>
    <t>• Conclusão da fase de Seleção do Fornecedor após a data em que deve ser iniciada a prestação dos serviços/obra ou realizado o fornecimento dos bens;
• Anulação do processo por falta de publicação de documento essencial.</t>
  </si>
  <si>
    <t>• Definição de área reponsável pelo monitoramento e reporte do andamento dos processos à Alta Gestão;
• Criação de fluxo interno com definição clara de responsabilidades e prazo;
• Elaborar e divulgar checklist contendo a documentação necessária para publicação;
• Elaboração de Matriz de Responsabilidade para auxiliar na identificação dos servidores designados por cada ação;
• Programas de treinamento e educação para os servidores que vão atuar no ambiente de compras públicas.</t>
  </si>
  <si>
    <t>• Republicação da licitação dando ampla publicidade, abrindo novo prazo para abertura da sessão.
• Contratação emergencial (com cláusula de morte súbita) para atendimento da necessidade pública, com eventual apuração de responsabilidade em razão da descontinuidade, enquanto o processo ordinário não for concluído.</t>
  </si>
  <si>
    <t>Ausência de ampla publicidade do edital.</t>
  </si>
  <si>
    <t>• Falta de conhecimento dos agentes públicos sobre as exigências legais de publicação;
• Desorganização interna.</t>
  </si>
  <si>
    <t>• Licitação deserta ou desvantajosa;
• Anulação do processo por descumprimento de exigência legal.</t>
  </si>
  <si>
    <t>• Definição de área reponsável pelo monitoramento e report do andamento dos processos à Alta Gestão;
• Criação de fluxo interno com definição
clara de responsabilidades e prazo;
• Elaboração de Matriz de Responsabilidade para auxiliar na identificação dos servidores designados por cada ação;
• Programas de treinamento e educação para os servidores que vão atuar no
ambiente de compras públicas;
• Ampliação dos meios de divulgação quando verificado o universo restrito de proponentes mesmo quando a legislação for atendida (Exemplo de medidas: site do ógão e e-mail para lista de fornecedores).</t>
  </si>
  <si>
    <t>• Republicação da licitação dando ampla publicidade, abrindo novo prazo para abertura da sessão.</t>
  </si>
  <si>
    <t>Atuação falha nas respostas aos pedidos de esclarecimento e pedidos de impugnação.</t>
  </si>
  <si>
    <t>• Falta de conhecimento dos agentes públicos responsáveis pelas respostas;
• Perda do prazo legal para publicação das respostas.</t>
  </si>
  <si>
    <t>• Questionamentos acerca do certame;
• Restrição/Direcionamento quanto ao objeto;
• Necessidade de adiar a licitação causando atraso na contratação.</t>
  </si>
  <si>
    <t>• Designação de área técnica para apoiar o agente de contratação durante a análise dos pedidos de esclarecimento e impugnação;
• Capacitação dos agentes públicos
envolvidos na contratação;
• Programas de treinamento e educação para os servidores que vão atuar no ambiente de compras públicas, alertando sobre os riscos e as consequências de corrupção e fraude, bem como mecanismos de prevenção.</t>
  </si>
  <si>
    <t>Apresentação das propostas e lances</t>
  </si>
  <si>
    <t>Proposta fictícia, de fachada ou de cobertura, apresentadas com o intuito de aparentar competitividade no certame.</t>
  </si>
  <si>
    <t>• Questionamentos futuros, inclusive judiciais, sobre a licitação, com risco de anulação do contrato;
• Desvantajosidade ao interesse público.</t>
  </si>
  <si>
    <t>• Conluio entre fornecedores;
• Conluio entre fornecedores e agente público.</t>
  </si>
  <si>
    <t>• Treinamentos específicos e outras medidas de promoção da integridade, junto aos agentes públicos e também junto aos
potenciais fornecedores / sociedade civil;
• Desenho de controles, sobretudo por meio de ferramentas de Tecnologia da Informação, para avaliação de coincidências entre propostas e documentos de habilitação.</t>
  </si>
  <si>
    <t>• Apuração de responsabilidade civil, administrativa e criminal dos agentes públicos envolvidos na licitação bem como dos particulares;
• Aplicação de sanção aos licitantes que pratiquem infração administrativa e apuração de responsabilização civil e criminal.</t>
  </si>
  <si>
    <t>Julgamento</t>
  </si>
  <si>
    <t>Contratação de bens ou serviços que não atendam aos requisitos de qualidade e desempenho estabelecidos no instrumento convocatório.</t>
  </si>
  <si>
    <t>• Agente ou Comissão de Contratação sem conhecimento técnico do bem ou serviço a ser contratado;
• Erro dos agente  públicos  responsáveis na 
análise das propostas e documentos apresentados pelos licitantes;
• Má-fé dos licitantes/contratados.</t>
  </si>
  <si>
    <t>• Necessidade de realização de nova licitação;
• Desperdício de recurso público;
• Dificuldade ou inviabilização da prestação do serviço relacionado à contratação;
• Entrega de bens que não atendem à necessidade pública.</t>
  </si>
  <si>
    <t>• Treinamento de servidor sobre o tema;
• Criação de checklist para facilitar a conferência;
• Envolvimento da área técnica na análise das propostas/ amostra;
• Contratação de empresa para realização da testes laboratoriais, quando necessário.</t>
  </si>
  <si>
    <t>• Exigência de substituição dos produtos entregues em desconformidade.
• Aplicação de sanção às contratadas que não atendam aos requisitos de qualidade e desempenho estabelecidos no instrumento convocatório.</t>
  </si>
  <si>
    <t>Atuação falha nas respostas aos recursos administrativos e judiciais apresentados.</t>
  </si>
  <si>
    <t>• Falta de conhecimento dos agentes públicos;
• Perda do prazo legal para respostas.</t>
  </si>
  <si>
    <t>• Questionamentos acerca do certame;
• Restrição/Direcionamento quanto ao objeto;
• Atraso na licitação.</t>
  </si>
  <si>
    <t>• Designar área técnica para apoiar a autoridade competente durante a análise do recurso;
• Capacitação dos agentes públicos envolvidos na contratação;
• Programas de treinamento e educação para os servidores que vão atuar no ambiente de compras públicas, alertando sobre os riscos e as consequências de corrupção e fraude, bem como mecanismos de prevenção.</t>
  </si>
  <si>
    <t>Habilitação</t>
  </si>
  <si>
    <t>Desatendimento proposital dos requisitos de habilitação para favorecer determinada empresa.</t>
  </si>
  <si>
    <t>• Má-fé entre fornecedores.</t>
  </si>
  <si>
    <t>• Treinamentos específicos e outras medidas de promoção da integridade, junto aos agentes públicos e também junto aos
potenciais fornecedores / sociedade civil;
• Desenho de controles para avaliação de coincidências entre propostas e documentos de habilitação.</t>
  </si>
  <si>
    <t>• Apuração de responsabilidade civil, administrativa dos licitantes.</t>
  </si>
  <si>
    <t>Habilitação de licitante que não atende às exigências.</t>
  </si>
  <si>
    <t>• Erro ou má-fé do fornecedor;
• Erro ou má-fé dos agente públicos responsáveis na análise dos documentos de habilitação.</t>
  </si>
  <si>
    <t>• Contratação de empresa incapaz de executar a avença, não obtenção do objeto contratado e descumprimento, pela contratada, das obrigações previstas em legislação específica e no contrato;
• Questionamentos futuros, inclusive judiciais, sobre a licitação, com risco de anulação do contrato.</t>
  </si>
  <si>
    <t>• Treinamentos específicos e outras medidas de promoção da integridade, junto aos agentes públicos e também junto aos potenciais fornecedores / sociedade civil;
• Desenho de controles para avaliação de coincidências entre propostas e documentos de habilitação;
• Solicitação de apoio à área técnica, sempre que necessário;
• Realização de diligências necessárias para confirmação dos documentos de habilitação apresentados;
• Requerer das empresas interessadas em participar de processos de compras públicas mecanismos internos de controle, compliance e anticorrupção, quando permitido legalmente.</t>
  </si>
  <si>
    <t>• Apuração de responsabilidade civil, administrativa e criminal dos agentes públicos envolvidos na licitação;
• Aplicação de sanção aos licitantes que pratiquem infração administrativa e apuração de responsabilização civil e criminal.</t>
  </si>
  <si>
    <t>Homologação</t>
  </si>
  <si>
    <t>Homologação do processo com vício.</t>
  </si>
  <si>
    <t>• Ausência de conhecimento técnico da autoridade competente para identificar irregularidades no processo.</t>
  </si>
  <si>
    <t>• Questionamentos futuros, inclusive judiciais, sobre a licitação, com risco de anulação da licitação ou do contrato.</t>
  </si>
  <si>
    <t>• Designação de assessoria técnica para auxiliar a autoridade competente.</t>
  </si>
  <si>
    <t>Vencimento da proposta sem que tenha havido convocação para contratação.</t>
  </si>
  <si>
    <t>• Atraso nos procedimentos da licitação e demora na homologação sem justificativa;
• Atraso nos procedimentos de convocação para assinatura do contrato.</t>
  </si>
  <si>
    <t>• Recusa do licitante em manter a proposta;
• Atraso no atendimento da demanda;
• Necessidade de convocar licitantes remanescentes ou até perda da licitação.</t>
  </si>
  <si>
    <t>• Definição de prazo geral para a conclusão da licitação;
• Definição de responsável para monitorar os prazos e realizar o controle dos prazos de vigência das propostas;
• Solicitação de prorrogação da proposta pelo agente responsável antes do término da vigência.</t>
  </si>
  <si>
    <t>• Solicitação de prorrogação da proposta pela unidade demandante ou pelo pregoeiro.
• Apuração de responsabilidade civil, administrativa e criminal dos agentes públicos que provocaram o vencimento da proposta.</t>
  </si>
  <si>
    <t>Execução contratual</t>
  </si>
  <si>
    <t>Atesto de NF de produtos ou serviços com as características (quantidade e qualidade) diferentes do especificado ou não entregues.</t>
  </si>
  <si>
    <t>• Ambiguidade das cláusulas contratuais;
• Especificação inadequada ou insuficiente no contrato;
• Ausência de conferência da qualidade e quantidade dos produtos recebidos;
• Falta de indicação tempestiva do fiscal/gestor, não substituição em caso de afastamento ou 
falta de capacidade técnica;
• Conflito de interesse dos servidores designados como fiscais e/ou gestores do contrato;
Concentração de poder decisório nas mãos do fiscal/gestor do contrato.</t>
  </si>
  <si>
    <t>• Paralisação da execução contratual e eventual discussão judicial;
• Pagamento por serviços ou produtos com qualidade e quantidade diferente da especificação e consequente prejuízo para a Administração Pública.
• Falta de recursos operacionais suficientes para realizar a medição.</t>
  </si>
  <si>
    <t>• Capacitação dos agentes públicos que poderão ser designados como fiscais e/ou gestores;
• Criação e aplicação de listas de verificação para o recebimento provisório e definitivo;
• Viabilização de condições operacionais para fiscalização do contrato;
• Segregação da responsabilidade pelo recebimento provisório e definitivo para evitar repetição de equívocos;
• Proibição de que a medição seja realizada por meio exclusivo de relatório entregue pelo contratado;
• Comparar as características dos produtos/serviços recebidos com os parâmetros do edital de licitação;
• Caso o edital já tenha essa imprecisão, solicitar aditivo contratual antes do atesto da NF;
• Definir relação de suplentes de fiscal/gestor dos contratos;
• Viabilização de condições operacionais para fiscalização do contrato.</t>
  </si>
  <si>
    <t>• Fiscal e/ou Gestor do contrato deve ser orientado a comunicar à autoridade competente caso haja (i) alguma divergência levantada pela empresa contratada; ou (ii) falta de condições operacionais para realizar a fiscalização do contrato;
• Suspenção do processo de pagamento até a com- provação da entrega do produto ou serviço de acor- do com as quantidades e
qualidade contratadas;
• Apuração de responsabildiade dos servidores e da empresa.
• Dupla checagem referente à NF de produtos ou serviços definidos com base na materialidade, relevância e vulnerabilidade, cujos critérios são definidos na Política de Riscos das Contratações;</t>
  </si>
  <si>
    <t>Concessão indevida de reajustamento contratual.</t>
  </si>
  <si>
    <t>• Formalização incompleta de todas as etapas do processo administrativo de concessão;
• Falta de conhecimento por parte dos agentes públicos;
• Má-fé dos agentes públicos.</t>
  </si>
  <si>
    <t>• Prejuízo à Administração Pública;
• Favorecimento indevido à empresa contratada.</t>
  </si>
  <si>
    <t>• Solicitação de auxílio de área contábil/financeira desvinculada da área contratante;
• Orientação para que o processo administrativo seja acompanhado de justificativa do fiscal fundamentando a necessidade de reajustamento, contendo, no mínimo: (a) planilha de custos apresentada pelo fornecedor justificando a variação dos preços; (b) documentos que demonstrem a regularidade do fornecedor e; (c) consulta realizada nos cadastros de empresas impedidas;
• Necessidade de parecer jurídico como exigência para a concessão.</t>
  </si>
  <si>
    <t>• Orientação para que o gestor do contrato comunique de forma imediata e expressa situações de reajuste/reequilíbrio irregular;
• Apuração de responsabilidade dos agentes públicos e/ou empresas que não tenham observado às normas legais;
• Anulação do reajuste e determinação de devolução dos valores.</t>
  </si>
  <si>
    <t>Não concessão do reajustamento contratual.</t>
  </si>
  <si>
    <t>• Restrição orçamentário-financeira;
• Formalização incompleta de todas as etapas do processo administrativo de concessão;
• Falta de conhecimento por parte dos agentes públicos;
• Má-fé dos agentes públicos.</t>
  </si>
  <si>
    <t>• Descontinuidade do serviço;
• Necessidade de realização de dispensa emergencial;
• Precarização do serviço prestado;
• Redução de interessados nas licitações futuras.</t>
  </si>
  <si>
    <t>• Realização de planejamento orçamentário considerando as expectativas de incremento de despesa;
• Solicitação de auxílio de área contábil/financeira desvinculada da área contratante;
• Orientação para que o processo administrativo seja acompanhado de justificativa do fiscal fundamentando a necessidade de reajustamento, contendo, no mínimo: (a) planilha de custos apresentada pelo fornecedor justificando a variação dos preços; (b) documentos que demonstrem a regularidade do fornecedor e; (c) consulta realizada nos cadastros de empresas impedidas;</t>
  </si>
  <si>
    <t>• Realização das ações necessárias para o reajustamento contratual;
• Avaliação da possibilidade de redução do escopo, com vistas à viabilização do reajustamento contratual;
• Apuração de responsabilidade dos agentes públicos e/ou empresas que não tenham observado às normas legais.</t>
  </si>
  <si>
    <t>Deliberação inadequada quanto ao pedido de reequilíbrio contratual.</t>
  </si>
  <si>
    <t>• Prejuízo à Administração Pública;
• Favorecimento indevido à empresa contratada;
• Descontinuidade do serviço;
• Necessidade de realização de dispensa emergencial;
• Precarização do serviço prestado;
• Redução de interessados nas licitações futuras.</t>
  </si>
  <si>
    <t>• Elaboração de Matriz de Alocação de
Riscos, quando couber;
• Solicitação de auxílio das áreas
contábil/financeira e técnica;
• Orientação para que o processo administrativo seja acompanhado de justificativa do fiscal fundamentando a necessidade de reequilíbrio, contendo, no mínimo: (a) planilha de custos apresentada pelo fornecedor justificando a variação dos preços; (b) documentos que demonstrem a regularidade do fornecedor e; (c) consulta realizada nos cadastros de empresas impedidas;
• Necessidade de parecer jurídico como
exigência para a concessão de reequilíbrio;
• Realização de planejamento orçamentário considerando as expectativas de incremento de despesa.</t>
  </si>
  <si>
    <t>• Realização das ações necessárias para o reequilíbrio contratual;
• Avaliação da possibilidade de redução do escopo, com vistas à viabilização do reequilíbrio contratual;
• Apuração de responsabilidade dos agentes públicos e/ou empresas que não tenham observado às normas legais;
• Anulação do reequilíbrio e determinação de devolução dos valores, caso concedido indevidamente.</t>
  </si>
  <si>
    <t>Prorrogação contratual não formalizada até o vencimento contratual.</t>
  </si>
  <si>
    <t>• Atraso na realização das etapas do processo administrativo de prorrogação;
• Falta de conhecimento por parte dos agentes públicos;
• Má-fé dos agentes públicos.</t>
  </si>
  <si>
    <t>• Prejuízo à Administração Pública;
• Descontinuidade do serviço;
• Necessidade de formalização de Termo de 
Ajuste de Contas - TAC;
• Necessidade de realização de dispensa emergencial.</t>
  </si>
  <si>
    <t>• Realização de planejamento para prorrogação contratual com antecedência necessária para a conclusão de todos os atos preparatórios e em tempo hábil para eventual nova contratação, caso a contratada não tenha interesse em manter o contrato;
• Criação e aplicação de lista de verificação para realização dos atos preparatórios à prorrogação;
• Capacitação dos servidores quanto aos procedimen- tos necessários à prorrogação contratual.</t>
  </si>
  <si>
    <t>• Realização de dispensa de licitação;
• Apuração de responsabilidade dos agentes públicos que não tenham observado as normas legais.</t>
  </si>
  <si>
    <t>Limite máximo de vigência contratual ultrapassado.</t>
  </si>
  <si>
    <t>• Atraso na realização dos procedimentos necessários à nova contratação;
• Falta de conhecimento por parte dos agentes públicos;
• Má-fé dos agentes públicos.</t>
  </si>
  <si>
    <t>• Prejuízo à Administração Pública;
• Descontinuidade do serviço;
• Necessidade de formalização de Termo de Ajuste de Contas - TAC;
• Necessidade de realização de dispensa emergencial.</t>
  </si>
  <si>
    <t>• Acompanhamento da vigência Contratual considerando os limites estabelecidos em lei;
• Realização de planejamento adequado para nova contratação;
• Capacitação dos servidores quanto aos procedimentos necessários à prorrogação contratual.</t>
  </si>
  <si>
    <t>• Realização de dispensa de licitação;
• Apuração de responsabilidade dos agentes públicos que não tenham observado às normas legais.</t>
  </si>
  <si>
    <t>Fiscalização do contrato</t>
  </si>
  <si>
    <t>Não manutenção das condições de habilitação exigidas na licitação.</t>
  </si>
  <si>
    <t>• Incapacidade do fornecedor de man- ter as condições necessárias para manutenção da habilitação;
• Má-fé do fornecedor.</t>
  </si>
  <si>
    <t>• Dificultar ou inviabilizar a prestação do serviço relacionado à contratação;
• Necessidade de realização de nova licitação.</t>
  </si>
  <si>
    <t>• Previsão nos editais e contratos das seguintes cláusulas:
(i) obrigação do contratado de manter durante toda a execução do contrato todas as condições de habilitação e qualificação exigidas na licitação;
(ii) cláusula de penalidade para o inadimplemento; e
(iii) cláusula de garantia contratual prevendo a execução da garantia para ressarcimento dos valores e indenizações devidos à Administração pela não manutenção das condições, além das Penalidades já previstas em lei;
• Emissão de relatórios de fiscalização da execução contratual prevendo a verificação periódica da manutenção das condições de habilitação.</t>
  </si>
  <si>
    <t>• Exigência de cumprimento das condições de habilitação para permitir a continuidade da contratação;
• Abertura de Processo Administrativo de Apuração e penalização do Fornecedor</t>
  </si>
  <si>
    <t>Fiscalização inexistente ou inadequada.</t>
  </si>
  <si>
    <t>• Designação de fiscais sem as competências necessárias e/ou tempo suficiente para desempenhar as atividades;
• Má-fé do fiscal.</t>
  </si>
  <si>
    <t>• Não detecção de descumprimento de obrigações pela contratada;
• Responsabilização solidária da Administração pelos encargos 
previdenciários e subsidiária pelos encargos trabalhistas;
• Dificuldade de responsabilização da empresa contratada em caso de descumprimento contratual.</t>
  </si>
  <si>
    <t>• Treinamento específico para os fiscais do contrato;
• Elaboração e aplicação de lista de verificação contendo (i) as principais ações que são necessárias para fiscalização e (ii) a periodicidade recomendada para a realização das atividades;
• Definição dos requisitos mínimos de competência para nomeação dos fiscais;
• Acompanhamento periódico das ações realizadas pelo fiscal;
• Designação, sempre que possível, e a depender do porte da contratação, de mais de um agente público para a fiscalização;
• Solicitar apoio do assessoramento jurídico e do Controle Interno, que deverão dirimir dúvidas e subsidiá-lo com informações relevantes para prevenir riscos na execução contratual.</t>
  </si>
  <si>
    <t>• Apuração da responsabilidade dos fiscais em caso de descumprimento legal;
• Substituição dos fiscais do contrato.</t>
  </si>
  <si>
    <t>Pagamento</t>
  </si>
  <si>
    <t xml:space="preserve">Pagamento para fornecedor que perdeu a 
condição de regularidade fiscal e trabalhista.
</t>
  </si>
  <si>
    <t>• Negligência da equipe;
• Possibilidade de paralisação de serviço essencial em caso de não pagamento;
• Falta de conhecimento da equipe;
• Ausência de pessoal para análise;
• Má-fé do servidor.</t>
  </si>
  <si>
    <t>• Ilegalidade do pagamento.</t>
  </si>
  <si>
    <t>• Adoção de modelos de editais que estabeleçam a rotina de conferência dos documentos que demonstram a regularidade fiscal e trabalhista da contratada no curso da execução do contrato;
• Avaliação da posssibilidade de prever em seus editais as hipóteses previstas no parágrafo 3º do Art. 121 da Nova Lei de Licitação;
• Checklist contendo a documentação necessária para pagamento;
• Capacitação dos servidores na temática de regularidade fiscal e trabalhista de fornecedores;
• Existência de instância revisora.</t>
  </si>
  <si>
    <t>• Apurar responsabilidade do gestor do contrato e do fornecedor.</t>
  </si>
  <si>
    <t>Pagamento de NFs não atestadas referentes a produtos não entregues/serviços não prestados.</t>
  </si>
  <si>
    <t>• Má-fé dos agentes públicos e/ou fornecedores;
• Negligência da equipe;
• Falta de conhecimento da equipe.</t>
  </si>
  <si>
    <t>• Dano ao erário;
• Prejuizo à qualidade dos serviços prestados.</t>
  </si>
  <si>
    <t>•  Capacitação dos servidores envolvidos no pagamento;
•  Checklist contendo a documentação necessária para pagamento;
• Elaboração de Matriz de Responsabilidade 
em relação às atividades do processo de pagamento;
•  Existência de instância revisora;
Programas de treinamento e educação para os servidores que vão atuar no ambiente de compras públicas, alertando sobre os riscos e as consequências de corrupção e fraude, bem como mecanismos de prevenção
• Capacitação dos servidores envolvidos no pagamento;
• Checklist contendo a documentação necessária para pagamento;
• Elaboração de Matriz de Responsabilidade 
em relação às atividades do processo de pagamento;
• Existência de instância revisora;
• Programas de treinamento e educação para os servidores que vão atuar no ambiente de compras públicas, alertando sobre os riscos e as consequências de corrupção e fraude, bem como mecanismos de prevenção</t>
  </si>
  <si>
    <t>• Apuração de responsabilidade dos 
agentes públicos responsáveis pelo pagamento;
• Exigência de ressarcimento da empresa pelo valor pago.</t>
  </si>
  <si>
    <t>Pagamento antecipado fora das hipóteses legalmente autorizadas.</t>
  </si>
  <si>
    <t>• Situação emergencial, inclusive por falta de planejamento;
• Falta de conhecimento dos agentes públicos;
• Má-fé dos agentes públicos.</t>
  </si>
  <si>
    <t>• Não entrega ou atraso do produto/serviço contratado e consequente prejuízo à Administração Pública.</t>
  </si>
  <si>
    <t>• Orientação expressa acerca dos procedimentos a serem adotados nos casos de pagamento antecipado, incluindo: (i) justificativa da necessidade para o atendimento da pretensão administrativa; e (ii) as medidas de garantia exigidas do particular;
• Elaboração de Matriz de Responsabilidade em relação às atividades do processo de pagamento;
• Checklist contendo a documentação
necessária para pagamento;
• Existência de instância revisora;
• Programas de treinamento e educação para os servidores que vão atuar no ambiente de compras públicas, alertando sobre os riscos e as consequências de corrupção e fraude.</t>
  </si>
  <si>
    <t>• Avaliação da possibilidade de anulação do contrato;
• Apuração da responsabilidade de agentes públicos que não tenham adotado as medidas recomendadas pela Administração Pública.</t>
  </si>
  <si>
    <t>Atraso no pagamento das faturas.</t>
  </si>
  <si>
    <t>• Falta de disponibilidade financeira;
• Desorganização interna;
• Má-fé dos agentes públicos.</t>
  </si>
  <si>
    <t>• Utilização de cláusula de suspensão do con- trato por parte da contratada;
• Perda de credibilidade do órgão;
• Má prestação dos serviços pelo fornecedor;
• Pagamento de juros, mora e multa.</t>
  </si>
  <si>
    <t xml:space="preserve">• Elaboração do Plano Anual de Contratação de acordo com a disponibilidade orçamentário-financeira;
• Estruturação dos processos internos que prevejam os procedimentos necessários para pagamento;
• Elaboração de Matriz de Responsabilidade em relação às atividades do processo de pagamento;
• Existência de instância revisora;
• Programas de treinamento e educação para os servidores que vão atuar no ambiente de compras públicas, alertando sobre os riscos e as consequências de corrupção e fraude.
</t>
  </si>
  <si>
    <t>Adoção das medidas administrativas necessárias para a realização do pagamento.</t>
  </si>
  <si>
    <t>Desrespeito da ordem cronológica de pagamento, nos termos da lei.</t>
  </si>
  <si>
    <t>• Desorganização interna;
• Desconhecimento dos servidores sobre a legislação;
• Má-fé dos agentes públicos.</t>
  </si>
  <si>
    <t>• Má prestação dos serviços pelo fornecedor cujo pagamento foi preterido;
• Perda de credibilidade do órgão.</t>
  </si>
  <si>
    <t>• Orientação expressa acerca da ordem cronológica de pagamento;
• Estruturação dos processos internos que prevejam os pagamentos em sua ordem cronológica;
• Publicação em seção específica do sítio eletrônico da ordem dos pagamentos realizados.</t>
  </si>
  <si>
    <t>• Apuração da responsabilidade de agentes públicos que não tenham adotadas as medidas obrigatórias de ordem de pagamento;
• Restabelecimento da ordem de pagamento;
• Comunicação aos órgãos de controle interno e externo em caso de alteração da ordem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  <font>
      <b/>
      <sz val="10"/>
      <color theme="0"/>
      <name val="Calibri"/>
      <family val="2"/>
      <scheme val="minor"/>
    </font>
    <font>
      <sz val="10"/>
      <color theme="1"/>
      <name val="Calibri"/>
      <scheme val="minor"/>
    </font>
    <font>
      <b/>
      <sz val="10"/>
      <color theme="1"/>
      <name val="Calibri"/>
      <scheme val="minor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/>
      <right/>
      <top style="thin">
        <color theme="8" tint="0.39997558519241921"/>
      </top>
      <bottom style="thin">
        <color theme="8" tint="0.39997558519241921"/>
      </bottom>
      <diagonal/>
    </border>
    <border>
      <left/>
      <right/>
      <top/>
      <bottom style="thin">
        <color theme="8" tint="0.39997558519241921"/>
      </bottom>
      <diagonal/>
    </border>
    <border>
      <left/>
      <right/>
      <top style="thin">
        <color theme="8" tint="0.39997558519241921"/>
      </top>
      <bottom/>
      <diagonal/>
    </border>
  </borders>
  <cellStyleXfs count="1">
    <xf numFmtId="0" fontId="0" fillId="0" borderId="0"/>
  </cellStyleXfs>
  <cellXfs count="17">
    <xf numFmtId="0" fontId="0" fillId="0" borderId="0" xfId="0"/>
    <xf numFmtId="0" fontId="1" fillId="0" borderId="0" xfId="0" applyFont="1" applyAlignment="1">
      <alignment vertical="top" wrapText="1"/>
    </xf>
    <xf numFmtId="0" fontId="2" fillId="0" borderId="0" xfId="0" applyFont="1" applyAlignment="1">
      <alignment vertical="top" wrapText="1"/>
    </xf>
    <xf numFmtId="0" fontId="1" fillId="0" borderId="0" xfId="0" applyFont="1" applyFill="1" applyBorder="1" applyAlignment="1">
      <alignment vertical="top" wrapText="1"/>
    </xf>
    <xf numFmtId="0" fontId="2" fillId="0" borderId="0" xfId="0" applyFont="1" applyFill="1" applyBorder="1" applyAlignment="1">
      <alignment vertical="top" wrapText="1"/>
    </xf>
    <xf numFmtId="0" fontId="3" fillId="0" borderId="0" xfId="0" applyFont="1" applyFill="1" applyBorder="1" applyAlignment="1">
      <alignment vertical="top" wrapText="1"/>
    </xf>
    <xf numFmtId="0" fontId="4" fillId="0" borderId="0" xfId="0" applyFont="1" applyFill="1" applyBorder="1" applyAlignment="1">
      <alignment vertical="top" wrapText="1"/>
    </xf>
    <xf numFmtId="0" fontId="5" fillId="0" borderId="0" xfId="0" applyFont="1" applyFill="1" applyBorder="1" applyAlignment="1">
      <alignment vertical="top" wrapText="1"/>
    </xf>
    <xf numFmtId="0" fontId="2" fillId="0" borderId="1" xfId="0" applyFont="1" applyFill="1" applyBorder="1" applyAlignment="1">
      <alignment vertical="top" wrapText="1"/>
    </xf>
    <xf numFmtId="0" fontId="1" fillId="0" borderId="1" xfId="0" applyFont="1" applyFill="1" applyBorder="1" applyAlignment="1">
      <alignment vertical="top" wrapText="1"/>
    </xf>
    <xf numFmtId="0" fontId="3" fillId="0" borderId="2" xfId="0" applyFont="1" applyFill="1" applyBorder="1" applyAlignment="1">
      <alignment vertical="top" wrapText="1"/>
    </xf>
    <xf numFmtId="0" fontId="1" fillId="0" borderId="3" xfId="0" applyFont="1" applyFill="1" applyBorder="1" applyAlignment="1">
      <alignment vertical="top" wrapText="1"/>
    </xf>
    <xf numFmtId="0" fontId="2" fillId="0" borderId="3" xfId="0" applyFont="1" applyFill="1" applyBorder="1" applyAlignment="1">
      <alignment vertical="top" wrapText="1"/>
    </xf>
    <xf numFmtId="0" fontId="4" fillId="0" borderId="1" xfId="0" applyFont="1" applyFill="1" applyBorder="1" applyAlignment="1">
      <alignment vertical="top" wrapText="1"/>
    </xf>
    <xf numFmtId="0" fontId="5" fillId="0" borderId="1" xfId="0" applyFont="1" applyFill="1" applyBorder="1" applyAlignment="1">
      <alignment vertical="top" wrapText="1"/>
    </xf>
    <xf numFmtId="0" fontId="4" fillId="0" borderId="3" xfId="0" applyFont="1" applyFill="1" applyBorder="1" applyAlignment="1">
      <alignment vertical="top" wrapText="1"/>
    </xf>
    <xf numFmtId="0" fontId="5" fillId="0" borderId="3" xfId="0" applyFont="1" applyFill="1" applyBorder="1" applyAlignment="1">
      <alignment vertical="top" wrapText="1"/>
    </xf>
  </cellXfs>
  <cellStyles count="1">
    <cellStyle name="Normal" xfId="0" builtinId="0"/>
  </cellStyles>
  <dxfs count="27"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fill>
        <patternFill patternType="none">
          <fgColor indexed="64"/>
          <bgColor indexed="65"/>
        </patternFill>
      </fill>
      <alignment horizontal="general" vertical="top" textRotation="0" wrapText="1" indent="0" justifyLastLine="0" shrinkToFit="0" readingOrder="0"/>
      <border diagonalUp="0" diagonalDown="0">
        <left/>
        <right/>
        <top style="thin">
          <color theme="8" tint="0.39997558519241921"/>
        </top>
        <bottom style="thin">
          <color theme="8" tint="0.39997558519241921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fill>
        <patternFill patternType="none">
          <fgColor indexed="64"/>
          <bgColor indexed="65"/>
        </patternFill>
      </fill>
      <alignment horizontal="general" vertical="top" textRotation="0" wrapText="1" indent="0" justifyLastLine="0" shrinkToFit="0" readingOrder="0"/>
      <border diagonalUp="0" diagonalDown="0">
        <left/>
        <right/>
        <top style="thin">
          <color theme="8" tint="0.39997558519241921"/>
        </top>
        <bottom style="thin">
          <color theme="8" tint="0.39997558519241921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fill>
        <patternFill patternType="none">
          <fgColor indexed="64"/>
          <bgColor indexed="65"/>
        </patternFill>
      </fill>
      <alignment horizontal="general" vertical="top" textRotation="0" wrapText="1" indent="0" justifyLastLine="0" shrinkToFit="0" readingOrder="0"/>
      <border diagonalUp="0" diagonalDown="0">
        <left/>
        <right/>
        <top style="thin">
          <color theme="8" tint="0.39997558519241921"/>
        </top>
        <bottom style="thin">
          <color theme="8" tint="0.39997558519241921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fill>
        <patternFill patternType="none">
          <fgColor indexed="64"/>
          <bgColor indexed="65"/>
        </patternFill>
      </fill>
      <alignment horizontal="general" vertical="top" textRotation="0" wrapText="1" indent="0" justifyLastLine="0" shrinkToFit="0" readingOrder="0"/>
      <border diagonalUp="0" diagonalDown="0">
        <left/>
        <right/>
        <top style="thin">
          <color theme="8" tint="0.39997558519241921"/>
        </top>
        <bottom style="thin">
          <color theme="8" tint="0.39997558519241921"/>
        </bottom>
        <vertical/>
        <horizontal/>
      </border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fill>
        <patternFill patternType="none">
          <fgColor indexed="64"/>
          <bgColor indexed="65"/>
        </patternFill>
      </fill>
      <alignment horizontal="general" vertical="top" textRotation="0" wrapText="1" indent="0" justifyLastLine="0" shrinkToFit="0" readingOrder="0"/>
      <border diagonalUp="0" diagonalDown="0">
        <left/>
        <right/>
        <top style="thin">
          <color theme="8" tint="0.39997558519241921"/>
        </top>
        <bottom style="thin">
          <color theme="8" tint="0.39997558519241921"/>
        </bottom>
        <vertical/>
        <horizontal/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fill>
        <patternFill patternType="none">
          <fgColor indexed="64"/>
          <bgColor indexed="65"/>
        </patternFill>
      </fill>
      <alignment horizontal="general" vertical="top" textRotation="0" wrapText="1" indent="0" justifyLastLine="0" shrinkToFit="0" readingOrder="0"/>
      <border diagonalUp="0" diagonalDown="0">
        <left/>
        <right/>
        <top style="thin">
          <color theme="8" tint="0.39997558519241921"/>
        </top>
        <bottom style="thin">
          <color theme="8" tint="0.39997558519241921"/>
        </bottom>
        <vertical/>
        <horizontal/>
      </border>
    </dxf>
    <dxf>
      <border outline="0">
        <top style="thin">
          <color theme="8" tint="0.39997558519241921"/>
        </top>
      </border>
    </dxf>
    <dxf>
      <border outline="0">
        <bottom style="thin">
          <color theme="8" tint="0.39997558519241921"/>
        </bottom>
      </border>
    </dxf>
    <dxf>
      <border outline="0">
        <left style="thin">
          <color theme="8" tint="0.39997558519241921"/>
        </left>
        <right style="thin">
          <color theme="8" tint="0.39997558519241921"/>
        </right>
        <top style="thin">
          <color theme="8" tint="0.39997558519241921"/>
        </top>
        <bottom style="thin">
          <color theme="8" tint="0.39997558519241921"/>
        </bottom>
      </border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fill>
        <patternFill patternType="none">
          <fgColor indexed="64"/>
          <bgColor indexed="65"/>
        </patternFill>
      </fill>
      <alignment horizontal="general" vertical="top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0"/>
        <color theme="0"/>
        <name val="Calibri"/>
        <scheme val="minor"/>
      </font>
      <fill>
        <patternFill patternType="none">
          <fgColor indexed="64"/>
          <bgColor indexed="65"/>
        </patternFill>
      </fill>
      <alignment horizontal="general" vertical="top" textRotation="0" wrapText="1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fill>
        <patternFill patternType="none">
          <fgColor indexed="64"/>
          <bgColor auto="1"/>
        </patternFill>
      </fill>
      <alignment horizontal="general" vertical="top" textRotation="0" wrapText="1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fill>
        <patternFill patternType="none">
          <fgColor indexed="64"/>
          <bgColor auto="1"/>
        </patternFill>
      </fill>
      <alignment horizontal="general" vertical="top" textRotation="0" wrapText="1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fill>
        <patternFill patternType="none">
          <fgColor indexed="64"/>
          <bgColor auto="1"/>
        </patternFill>
      </fill>
      <alignment horizontal="general" vertical="top" textRotation="0" wrapText="1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fill>
        <patternFill patternType="none">
          <fgColor indexed="64"/>
          <bgColor auto="1"/>
        </patternFill>
      </fill>
      <alignment horizontal="general" vertical="top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fill>
        <patternFill patternType="none">
          <fgColor indexed="64"/>
          <bgColor auto="1"/>
        </patternFill>
      </fill>
      <alignment horizontal="general" vertical="top" textRotation="0" wrapText="1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fill>
        <patternFill patternType="none">
          <fgColor indexed="64"/>
          <bgColor auto="1"/>
        </patternFill>
      </fill>
      <alignment horizontal="general" vertical="top" textRotation="0" wrapText="1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fill>
        <patternFill patternType="none">
          <fgColor indexed="64"/>
          <bgColor auto="1"/>
        </patternFill>
      </fill>
      <alignment horizontal="general" vertical="top" textRotation="0" wrapText="1" indent="0" justifyLastLine="0" shrinkToFit="0" readingOrder="0"/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0"/>
        <color theme="0"/>
        <name val="Calibri"/>
        <scheme val="minor"/>
      </font>
      <fill>
        <patternFill patternType="none">
          <fgColor indexed="64"/>
          <bgColor auto="1"/>
        </patternFill>
      </fill>
      <alignment horizontal="general" vertical="top" textRotation="0" wrapText="1" indent="0" justifyLastLine="0" shrinkToFit="0" readingOrder="0"/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  <alignment horizontal="general" vertical="top" textRotation="0" wrapText="1" indent="0" justifyLastLine="0" shrinkToFit="0" readingOrder="0"/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  <alignment horizontal="general" vertical="top" textRotation="0" wrapText="1" indent="0" justifyLastLine="0" shrinkToFit="0" readingOrder="0"/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  <alignment horizontal="general" vertical="top" textRotation="0" wrapText="1" indent="0" justifyLastLine="0" shrinkToFit="0" readingOrder="0"/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  <alignment horizontal="general" vertical="top" textRotation="0" wrapText="1" indent="0" justifyLastLine="0" shrinkToFit="0" readingOrder="0"/>
    </dxf>
    <dxf>
      <font>
        <b/>
        <strike val="0"/>
        <outline val="0"/>
        <shadow val="0"/>
        <u val="none"/>
        <vertAlign val="baseline"/>
        <sz val="10"/>
        <color theme="1"/>
        <name val="Calibri"/>
        <scheme val="minor"/>
      </font>
      <alignment horizontal="general" vertical="top" textRotation="0" wrapText="1" indent="0" justifyLastLine="0" shrinkToFit="0" readingOrder="0"/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  <alignment horizontal="general" vertical="top" textRotation="0" wrapText="1" indent="0" justifyLastLine="0" shrinkToFit="0" readingOrder="0"/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  <alignment horizontal="general" vertical="top" textRotation="0" wrapText="1" indent="0" justifyLastLine="0" shrinkToFit="0" readingOrder="0"/>
    </dxf>
    <dxf>
      <font>
        <strike val="0"/>
        <outline val="0"/>
        <shadow val="0"/>
        <u val="none"/>
        <vertAlign val="baseline"/>
        <sz val="10"/>
        <color theme="1"/>
        <name val="Calibri"/>
        <scheme val="minor"/>
      </font>
      <alignment horizontal="general" vertical="top" textRotation="0" wrapText="1" indent="0" justifyLastLine="0" shrinkToFit="0" readingOrder="0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ables/table1.xml><?xml version="1.0" encoding="utf-8"?>
<table xmlns="http://schemas.openxmlformats.org/spreadsheetml/2006/main" id="1" name="Tabela1" displayName="Tabela1" ref="A1:F19" totalsRowShown="0" headerRowDxfId="26" dataDxfId="25">
  <autoFilter ref="A1:F19"/>
  <tableColumns count="6">
    <tableColumn id="1" name="ETAPA" dataDxfId="24"/>
    <tableColumn id="2" name="RISCO" dataDxfId="23"/>
    <tableColumn id="3" name="CAUSA" dataDxfId="22"/>
    <tableColumn id="4" name="CONSEQUÊNCIA" dataDxfId="21"/>
    <tableColumn id="5" name="CONTROLE PREVENTIVO" dataDxfId="20"/>
    <tableColumn id="6" name="CONTROLE CORRETIVO" dataDxfId="19"/>
  </tableColumns>
  <tableStyleInfo name="TableStyleMedium7" showFirstColumn="0" showLastColumn="0" showRowStripes="1" showColumnStripes="0"/>
</table>
</file>

<file path=xl/tables/table2.xml><?xml version="1.0" encoding="utf-8"?>
<table xmlns="http://schemas.openxmlformats.org/spreadsheetml/2006/main" id="2" name="Tabela2" displayName="Tabela2" ref="A1:F12" totalsRowShown="0" headerRowDxfId="18" dataDxfId="17">
  <autoFilter ref="A1:F12"/>
  <tableColumns count="6">
    <tableColumn id="1" name="ETAPA" dataDxfId="16"/>
    <tableColumn id="2" name="RISCO" dataDxfId="15"/>
    <tableColumn id="3" name="CAUSA" dataDxfId="14"/>
    <tableColumn id="4" name="CONSEQUÊNCIA" dataDxfId="13"/>
    <tableColumn id="5" name="CONTROLE PREVENTIVO" dataDxfId="12"/>
    <tableColumn id="6" name="CONTROLE CORRETIVO" dataDxfId="11"/>
  </tableColumns>
  <tableStyleInfo name="TableStyleMedium6" showFirstColumn="0" showLastColumn="0" showRowStripes="1" showColumnStripes="0"/>
</table>
</file>

<file path=xl/tables/table3.xml><?xml version="1.0" encoding="utf-8"?>
<table xmlns="http://schemas.openxmlformats.org/spreadsheetml/2006/main" id="3" name="Tabela3" displayName="Tabela3" ref="A1:F14" totalsRowShown="0" headerRowDxfId="10" dataDxfId="9" headerRowBorderDxfId="7" tableBorderDxfId="8" totalsRowBorderDxfId="6">
  <autoFilter ref="A1:F14"/>
  <tableColumns count="6">
    <tableColumn id="1" name="ETAPA" dataDxfId="5"/>
    <tableColumn id="2" name="RISCO" dataDxfId="4"/>
    <tableColumn id="3" name="CAUSA" dataDxfId="3"/>
    <tableColumn id="4" name="CONSEQUÊNCIA" dataDxfId="2"/>
    <tableColumn id="5" name="CONTROLE PREVENTIVO" dataDxfId="1"/>
    <tableColumn id="6" name="CONTROLE CORRETIVO" dataDxfId="0"/>
  </tableColumns>
  <tableStyleInfo name="TableStyleMedium5" showFirstColumn="0" showLastColumn="0" showRowStripes="1" showColumnStripes="0"/>
</table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table" Target="../tables/table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table" Target="../tables/table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9"/>
  <sheetViews>
    <sheetView zoomScaleNormal="100" workbookViewId="0">
      <pane ySplit="1" topLeftCell="A14" activePane="bottomLeft" state="frozen"/>
      <selection pane="bottomLeft" activeCell="A19" sqref="A19"/>
    </sheetView>
  </sheetViews>
  <sheetFormatPr defaultRowHeight="12.75" x14ac:dyDescent="0.25"/>
  <cols>
    <col min="1" max="1" width="13.5703125" style="1" customWidth="1"/>
    <col min="2" max="2" width="24.85546875" style="2" customWidth="1"/>
    <col min="3" max="3" width="35.85546875" style="1" customWidth="1"/>
    <col min="4" max="4" width="32.7109375" style="1" customWidth="1"/>
    <col min="5" max="5" width="48.85546875" style="1" customWidth="1"/>
    <col min="6" max="6" width="28.7109375" style="1" customWidth="1"/>
    <col min="7" max="16384" width="9.140625" style="1"/>
  </cols>
  <sheetData>
    <row r="1" spans="1:6" x14ac:dyDescent="0.25">
      <c r="A1" s="1" t="s">
        <v>94</v>
      </c>
      <c r="B1" s="2" t="s">
        <v>95</v>
      </c>
      <c r="C1" s="1" t="s">
        <v>96</v>
      </c>
      <c r="D1" s="1" t="s">
        <v>97</v>
      </c>
      <c r="E1" s="1" t="s">
        <v>98</v>
      </c>
      <c r="F1" s="1" t="s">
        <v>99</v>
      </c>
    </row>
    <row r="2" spans="1:6" ht="114.75" x14ac:dyDescent="0.25">
      <c r="A2" s="1" t="s">
        <v>0</v>
      </c>
      <c r="B2" s="2" t="s">
        <v>3</v>
      </c>
      <c r="C2" s="1" t="s">
        <v>4</v>
      </c>
      <c r="D2" s="1" t="s">
        <v>7</v>
      </c>
      <c r="E2" s="1" t="s">
        <v>8</v>
      </c>
      <c r="F2" s="1" t="s">
        <v>5</v>
      </c>
    </row>
    <row r="3" spans="1:6" ht="102" x14ac:dyDescent="0.25">
      <c r="A3" s="1" t="s">
        <v>0</v>
      </c>
      <c r="B3" s="2" t="s">
        <v>1</v>
      </c>
      <c r="C3" s="1" t="s">
        <v>6</v>
      </c>
      <c r="D3" s="1" t="s">
        <v>9</v>
      </c>
      <c r="E3" s="1" t="s">
        <v>11</v>
      </c>
    </row>
    <row r="4" spans="1:6" ht="114.75" x14ac:dyDescent="0.25">
      <c r="A4" s="1" t="s">
        <v>0</v>
      </c>
      <c r="B4" s="2" t="s">
        <v>2</v>
      </c>
      <c r="C4" s="1" t="s">
        <v>10</v>
      </c>
      <c r="D4" s="1" t="s">
        <v>12</v>
      </c>
      <c r="E4" s="1" t="s">
        <v>13</v>
      </c>
    </row>
    <row r="5" spans="1:6" ht="114.75" x14ac:dyDescent="0.25">
      <c r="A5" s="1" t="s">
        <v>0</v>
      </c>
      <c r="B5" s="2" t="s">
        <v>14</v>
      </c>
      <c r="C5" s="1" t="s">
        <v>15</v>
      </c>
      <c r="D5" s="1" t="s">
        <v>16</v>
      </c>
      <c r="E5" s="1" t="s">
        <v>80</v>
      </c>
      <c r="F5" s="1" t="s">
        <v>17</v>
      </c>
    </row>
    <row r="6" spans="1:6" ht="114.75" x14ac:dyDescent="0.25">
      <c r="A6" s="1" t="s">
        <v>18</v>
      </c>
      <c r="B6" s="2" t="s">
        <v>19</v>
      </c>
      <c r="C6" s="1" t="s">
        <v>22</v>
      </c>
      <c r="D6" s="1" t="s">
        <v>20</v>
      </c>
      <c r="E6" s="1" t="s">
        <v>21</v>
      </c>
    </row>
    <row r="7" spans="1:6" ht="191.25" x14ac:dyDescent="0.25">
      <c r="A7" s="1" t="s">
        <v>18</v>
      </c>
      <c r="B7" s="2" t="s">
        <v>23</v>
      </c>
      <c r="C7" s="1" t="s">
        <v>24</v>
      </c>
      <c r="D7" s="1" t="s">
        <v>81</v>
      </c>
      <c r="E7" s="1" t="s">
        <v>25</v>
      </c>
      <c r="F7" s="1" t="s">
        <v>26</v>
      </c>
    </row>
    <row r="8" spans="1:6" ht="178.5" x14ac:dyDescent="0.25">
      <c r="A8" s="1" t="s">
        <v>18</v>
      </c>
      <c r="B8" s="2" t="s">
        <v>28</v>
      </c>
      <c r="C8" s="1" t="s">
        <v>27</v>
      </c>
      <c r="D8" s="1" t="s">
        <v>29</v>
      </c>
      <c r="E8" s="1" t="s">
        <v>30</v>
      </c>
      <c r="F8" s="1" t="s">
        <v>83</v>
      </c>
    </row>
    <row r="9" spans="1:6" ht="204" x14ac:dyDescent="0.25">
      <c r="A9" s="1" t="s">
        <v>18</v>
      </c>
      <c r="B9" s="2" t="s">
        <v>31</v>
      </c>
      <c r="C9" s="1" t="s">
        <v>32</v>
      </c>
      <c r="D9" s="1" t="s">
        <v>33</v>
      </c>
      <c r="E9" s="1" t="s">
        <v>34</v>
      </c>
      <c r="F9" s="1" t="s">
        <v>35</v>
      </c>
    </row>
    <row r="10" spans="1:6" ht="102" x14ac:dyDescent="0.25">
      <c r="A10" s="1" t="s">
        <v>36</v>
      </c>
      <c r="B10" s="2" t="s">
        <v>37</v>
      </c>
      <c r="C10" s="1" t="s">
        <v>41</v>
      </c>
      <c r="D10" s="1" t="s">
        <v>42</v>
      </c>
      <c r="E10" s="1" t="s">
        <v>43</v>
      </c>
      <c r="F10" s="1" t="s">
        <v>44</v>
      </c>
    </row>
    <row r="11" spans="1:6" ht="114.75" x14ac:dyDescent="0.25">
      <c r="A11" s="1" t="s">
        <v>36</v>
      </c>
      <c r="B11" s="2" t="s">
        <v>38</v>
      </c>
      <c r="C11" s="1" t="s">
        <v>39</v>
      </c>
      <c r="D11" s="1" t="s">
        <v>40</v>
      </c>
      <c r="E11" s="1" t="s">
        <v>45</v>
      </c>
      <c r="F11" s="1" t="s">
        <v>46</v>
      </c>
    </row>
    <row r="12" spans="1:6" ht="204" x14ac:dyDescent="0.25">
      <c r="A12" s="1" t="s">
        <v>47</v>
      </c>
      <c r="B12" s="2" t="s">
        <v>48</v>
      </c>
      <c r="C12" s="1" t="s">
        <v>49</v>
      </c>
      <c r="D12" s="1" t="s">
        <v>82</v>
      </c>
      <c r="E12" s="1" t="s">
        <v>50</v>
      </c>
      <c r="F12" s="1" t="s">
        <v>51</v>
      </c>
    </row>
    <row r="13" spans="1:6" ht="153" x14ac:dyDescent="0.25">
      <c r="A13" s="1" t="s">
        <v>52</v>
      </c>
      <c r="B13" s="2" t="s">
        <v>53</v>
      </c>
      <c r="C13" s="1" t="s">
        <v>54</v>
      </c>
      <c r="D13" s="1" t="s">
        <v>55</v>
      </c>
      <c r="E13" s="1" t="s">
        <v>56</v>
      </c>
      <c r="F13" s="1" t="s">
        <v>60</v>
      </c>
    </row>
    <row r="14" spans="1:6" ht="127.5" x14ac:dyDescent="0.25">
      <c r="A14" s="1" t="s">
        <v>57</v>
      </c>
      <c r="B14" s="2" t="s">
        <v>58</v>
      </c>
      <c r="C14" s="1" t="s">
        <v>59</v>
      </c>
      <c r="D14" s="1" t="s">
        <v>61</v>
      </c>
      <c r="E14" s="1" t="s">
        <v>62</v>
      </c>
      <c r="F14" s="1" t="s">
        <v>63</v>
      </c>
    </row>
    <row r="15" spans="1:6" ht="204" x14ac:dyDescent="0.25">
      <c r="A15" s="1" t="s">
        <v>64</v>
      </c>
      <c r="B15" s="2" t="s">
        <v>65</v>
      </c>
      <c r="C15" s="1" t="s">
        <v>66</v>
      </c>
      <c r="D15" s="1" t="s">
        <v>78</v>
      </c>
      <c r="E15" s="1" t="s">
        <v>67</v>
      </c>
      <c r="F15" s="1" t="s">
        <v>68</v>
      </c>
    </row>
    <row r="16" spans="1:6" ht="231.75" customHeight="1" x14ac:dyDescent="0.25">
      <c r="A16" s="1" t="s">
        <v>64</v>
      </c>
      <c r="B16" s="2" t="s">
        <v>69</v>
      </c>
      <c r="C16" s="1" t="s">
        <v>70</v>
      </c>
      <c r="D16" s="1" t="s">
        <v>79</v>
      </c>
      <c r="E16" s="1" t="s">
        <v>100</v>
      </c>
      <c r="F16" s="1" t="s">
        <v>71</v>
      </c>
    </row>
    <row r="17" spans="1:6" ht="102" x14ac:dyDescent="0.25">
      <c r="A17" s="1" t="s">
        <v>64</v>
      </c>
      <c r="B17" s="2" t="s">
        <v>72</v>
      </c>
      <c r="C17" s="1" t="s">
        <v>73</v>
      </c>
      <c r="D17" s="1" t="s">
        <v>74</v>
      </c>
      <c r="E17" s="1" t="s">
        <v>75</v>
      </c>
      <c r="F17" s="1" t="s">
        <v>76</v>
      </c>
    </row>
    <row r="18" spans="1:6" ht="114.75" x14ac:dyDescent="0.25">
      <c r="A18" s="1" t="s">
        <v>77</v>
      </c>
      <c r="B18" s="2" t="s">
        <v>84</v>
      </c>
      <c r="C18" s="1" t="s">
        <v>85</v>
      </c>
      <c r="D18" s="1" t="s">
        <v>86</v>
      </c>
      <c r="E18" s="1" t="s">
        <v>87</v>
      </c>
      <c r="F18" s="1" t="s">
        <v>88</v>
      </c>
    </row>
    <row r="19" spans="1:6" ht="165.75" x14ac:dyDescent="0.25">
      <c r="A19" s="1" t="s">
        <v>77</v>
      </c>
      <c r="B19" s="2" t="s">
        <v>89</v>
      </c>
      <c r="C19" s="1" t="s">
        <v>90</v>
      </c>
      <c r="D19" s="1" t="s">
        <v>91</v>
      </c>
      <c r="E19" s="1" t="s">
        <v>92</v>
      </c>
      <c r="F19" s="1" t="s">
        <v>93</v>
      </c>
    </row>
  </sheetData>
  <pageMargins left="0.511811024" right="0.511811024" top="0.78740157499999996" bottom="0.78740157499999996" header="0.31496062000000002" footer="0.31496062000000002"/>
  <pageSetup paperSize="9" orientation="portrait" r:id="rId1"/>
  <tableParts count="1">
    <tablePart r:id="rId2"/>
  </tablePart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26"/>
  <sheetViews>
    <sheetView zoomScale="130" zoomScaleNormal="130" workbookViewId="0">
      <pane ySplit="1" topLeftCell="A11" activePane="bottomLeft" state="frozen"/>
      <selection pane="bottomLeft" activeCell="C18" sqref="C18"/>
    </sheetView>
  </sheetViews>
  <sheetFormatPr defaultRowHeight="15" x14ac:dyDescent="0.25"/>
  <cols>
    <col min="1" max="1" width="13.140625" customWidth="1"/>
    <col min="2" max="2" width="21.28515625" customWidth="1"/>
    <col min="3" max="3" width="19.5703125" customWidth="1"/>
    <col min="4" max="4" width="23.5703125" customWidth="1"/>
    <col min="5" max="5" width="58.85546875" customWidth="1"/>
    <col min="6" max="6" width="31" customWidth="1"/>
  </cols>
  <sheetData>
    <row r="1" spans="1:6" x14ac:dyDescent="0.25">
      <c r="A1" s="5" t="s">
        <v>94</v>
      </c>
      <c r="B1" s="5" t="s">
        <v>95</v>
      </c>
      <c r="C1" s="5" t="s">
        <v>96</v>
      </c>
      <c r="D1" s="5" t="s">
        <v>97</v>
      </c>
      <c r="E1" s="5" t="s">
        <v>98</v>
      </c>
      <c r="F1" s="5" t="s">
        <v>99</v>
      </c>
    </row>
    <row r="2" spans="1:6" ht="102" x14ac:dyDescent="0.25">
      <c r="A2" s="3" t="s">
        <v>101</v>
      </c>
      <c r="B2" s="4" t="s">
        <v>102</v>
      </c>
      <c r="C2" s="3" t="s">
        <v>107</v>
      </c>
      <c r="D2" s="3" t="s">
        <v>103</v>
      </c>
      <c r="E2" s="3" t="s">
        <v>108</v>
      </c>
      <c r="F2" s="3" t="s">
        <v>104</v>
      </c>
    </row>
    <row r="3" spans="1:6" ht="140.25" x14ac:dyDescent="0.25">
      <c r="A3" s="3" t="s">
        <v>101</v>
      </c>
      <c r="B3" s="7" t="s">
        <v>105</v>
      </c>
      <c r="C3" s="6" t="s">
        <v>106</v>
      </c>
      <c r="D3" s="6" t="s">
        <v>109</v>
      </c>
      <c r="E3" s="6" t="s">
        <v>110</v>
      </c>
      <c r="F3" s="3" t="s">
        <v>111</v>
      </c>
    </row>
    <row r="4" spans="1:6" ht="153" x14ac:dyDescent="0.25">
      <c r="A4" s="3" t="s">
        <v>101</v>
      </c>
      <c r="B4" s="7" t="s">
        <v>112</v>
      </c>
      <c r="C4" s="6" t="s">
        <v>113</v>
      </c>
      <c r="D4" s="6" t="s">
        <v>114</v>
      </c>
      <c r="E4" s="6" t="s">
        <v>115</v>
      </c>
      <c r="F4" s="3" t="s">
        <v>116</v>
      </c>
    </row>
    <row r="5" spans="1:6" ht="102" x14ac:dyDescent="0.25">
      <c r="A5" s="3" t="s">
        <v>101</v>
      </c>
      <c r="B5" s="7" t="s">
        <v>117</v>
      </c>
      <c r="C5" s="6" t="s">
        <v>118</v>
      </c>
      <c r="D5" s="6" t="s">
        <v>119</v>
      </c>
      <c r="E5" s="6" t="s">
        <v>120</v>
      </c>
      <c r="F5" s="3"/>
    </row>
    <row r="6" spans="1:6" ht="102" x14ac:dyDescent="0.25">
      <c r="A6" s="3" t="s">
        <v>121</v>
      </c>
      <c r="B6" s="7" t="s">
        <v>122</v>
      </c>
      <c r="C6" s="6" t="s">
        <v>124</v>
      </c>
      <c r="D6" s="6" t="s">
        <v>123</v>
      </c>
      <c r="E6" s="6" t="s">
        <v>125</v>
      </c>
      <c r="F6" s="3" t="s">
        <v>126</v>
      </c>
    </row>
    <row r="7" spans="1:6" ht="178.5" x14ac:dyDescent="0.25">
      <c r="A7" s="6" t="s">
        <v>127</v>
      </c>
      <c r="B7" s="7" t="s">
        <v>128</v>
      </c>
      <c r="C7" s="6" t="s">
        <v>129</v>
      </c>
      <c r="D7" s="6" t="s">
        <v>130</v>
      </c>
      <c r="E7" s="6" t="s">
        <v>131</v>
      </c>
      <c r="F7" s="3" t="s">
        <v>132</v>
      </c>
    </row>
    <row r="8" spans="1:6" ht="89.25" x14ac:dyDescent="0.25">
      <c r="A8" s="6" t="s">
        <v>127</v>
      </c>
      <c r="B8" s="7" t="s">
        <v>133</v>
      </c>
      <c r="C8" s="6" t="s">
        <v>134</v>
      </c>
      <c r="D8" s="6" t="s">
        <v>135</v>
      </c>
      <c r="E8" s="6" t="s">
        <v>136</v>
      </c>
      <c r="F8" s="3"/>
    </row>
    <row r="9" spans="1:6" ht="76.5" x14ac:dyDescent="0.25">
      <c r="A9" s="6" t="s">
        <v>137</v>
      </c>
      <c r="B9" s="7" t="s">
        <v>138</v>
      </c>
      <c r="C9" s="6" t="s">
        <v>139</v>
      </c>
      <c r="D9" s="6" t="s">
        <v>123</v>
      </c>
      <c r="E9" s="6" t="s">
        <v>140</v>
      </c>
      <c r="F9" s="3" t="s">
        <v>141</v>
      </c>
    </row>
    <row r="10" spans="1:6" ht="153" x14ac:dyDescent="0.25">
      <c r="A10" s="6" t="s">
        <v>137</v>
      </c>
      <c r="B10" s="7" t="s">
        <v>142</v>
      </c>
      <c r="C10" s="6" t="s">
        <v>143</v>
      </c>
      <c r="D10" s="6" t="s">
        <v>144</v>
      </c>
      <c r="E10" s="6" t="s">
        <v>145</v>
      </c>
      <c r="F10" s="3" t="s">
        <v>146</v>
      </c>
    </row>
    <row r="11" spans="1:6" ht="89.25" x14ac:dyDescent="0.25">
      <c r="A11" s="3" t="s">
        <v>147</v>
      </c>
      <c r="B11" s="4" t="s">
        <v>148</v>
      </c>
      <c r="C11" s="3" t="s">
        <v>149</v>
      </c>
      <c r="D11" s="3" t="s">
        <v>150</v>
      </c>
      <c r="E11" s="3" t="s">
        <v>151</v>
      </c>
      <c r="F11" s="3"/>
    </row>
    <row r="12" spans="1:6" ht="127.5" x14ac:dyDescent="0.25">
      <c r="A12" s="3" t="s">
        <v>147</v>
      </c>
      <c r="B12" s="4" t="s">
        <v>152</v>
      </c>
      <c r="C12" s="3" t="s">
        <v>153</v>
      </c>
      <c r="D12" s="3" t="s">
        <v>154</v>
      </c>
      <c r="E12" s="6" t="s">
        <v>155</v>
      </c>
      <c r="F12" s="3" t="s">
        <v>156</v>
      </c>
    </row>
    <row r="13" spans="1:6" x14ac:dyDescent="0.25">
      <c r="A13" s="6"/>
      <c r="B13" s="7"/>
      <c r="C13" s="6"/>
      <c r="D13" s="6"/>
      <c r="E13" s="6"/>
      <c r="F13" s="3"/>
    </row>
    <row r="14" spans="1:6" x14ac:dyDescent="0.25">
      <c r="A14" s="6"/>
      <c r="B14" s="7"/>
      <c r="C14" s="6"/>
      <c r="D14" s="6"/>
      <c r="E14" s="6"/>
      <c r="F14" s="3"/>
    </row>
    <row r="15" spans="1:6" x14ac:dyDescent="0.25">
      <c r="A15" s="6"/>
      <c r="B15" s="7"/>
      <c r="C15" s="6"/>
      <c r="D15" s="6"/>
      <c r="E15" s="6"/>
      <c r="F15" s="3"/>
    </row>
    <row r="16" spans="1:6" x14ac:dyDescent="0.25">
      <c r="A16" s="6"/>
      <c r="B16" s="7"/>
      <c r="C16" s="6"/>
      <c r="D16" s="6"/>
      <c r="E16" s="6"/>
      <c r="F16" s="3"/>
    </row>
    <row r="17" spans="1:6" x14ac:dyDescent="0.25">
      <c r="A17" s="6"/>
      <c r="B17" s="7"/>
      <c r="C17" s="6"/>
      <c r="D17" s="6"/>
      <c r="E17" s="6"/>
      <c r="F17" s="3"/>
    </row>
    <row r="18" spans="1:6" x14ac:dyDescent="0.25">
      <c r="A18" s="6"/>
      <c r="B18" s="7"/>
      <c r="C18" s="6"/>
      <c r="D18" s="6"/>
      <c r="E18" s="6"/>
      <c r="F18" s="3"/>
    </row>
    <row r="19" spans="1:6" x14ac:dyDescent="0.25">
      <c r="A19" s="6"/>
      <c r="B19" s="7"/>
      <c r="C19" s="6"/>
      <c r="D19" s="6"/>
      <c r="E19" s="6"/>
      <c r="F19" s="3"/>
    </row>
    <row r="20" spans="1:6" x14ac:dyDescent="0.25">
      <c r="A20" s="6"/>
      <c r="B20" s="7"/>
      <c r="C20" s="6"/>
      <c r="D20" s="6"/>
      <c r="E20" s="6"/>
      <c r="F20" s="3"/>
    </row>
    <row r="21" spans="1:6" x14ac:dyDescent="0.25">
      <c r="A21" s="6"/>
      <c r="B21" s="7"/>
      <c r="C21" s="6"/>
      <c r="D21" s="6"/>
      <c r="E21" s="6"/>
      <c r="F21" s="3"/>
    </row>
    <row r="22" spans="1:6" x14ac:dyDescent="0.25">
      <c r="A22" s="6"/>
      <c r="B22" s="7"/>
      <c r="C22" s="6"/>
      <c r="D22" s="6"/>
      <c r="E22" s="6"/>
      <c r="F22" s="3"/>
    </row>
    <row r="23" spans="1:6" x14ac:dyDescent="0.25">
      <c r="A23" s="6"/>
      <c r="B23" s="7"/>
      <c r="C23" s="6"/>
      <c r="D23" s="6"/>
      <c r="E23" s="6"/>
      <c r="F23" s="3"/>
    </row>
    <row r="24" spans="1:6" x14ac:dyDescent="0.25">
      <c r="A24" s="6"/>
      <c r="B24" s="7"/>
      <c r="C24" s="6"/>
      <c r="D24" s="6"/>
      <c r="E24" s="6"/>
      <c r="F24" s="3"/>
    </row>
    <row r="25" spans="1:6" x14ac:dyDescent="0.25">
      <c r="A25" s="6"/>
      <c r="B25" s="7"/>
      <c r="C25" s="6"/>
      <c r="D25" s="6"/>
      <c r="E25" s="6"/>
      <c r="F25" s="3"/>
    </row>
    <row r="26" spans="1:6" x14ac:dyDescent="0.25">
      <c r="A26" s="6"/>
      <c r="B26" s="7"/>
      <c r="C26" s="6"/>
      <c r="D26" s="6"/>
      <c r="E26" s="6"/>
      <c r="F26" s="3"/>
    </row>
  </sheetData>
  <pageMargins left="0.511811024" right="0.511811024" top="0.78740157499999996" bottom="0.78740157499999996" header="0.31496062000000002" footer="0.31496062000000002"/>
  <pageSetup paperSize="9" orientation="portrait" r:id="rId1"/>
  <tableParts count="1">
    <tablePart r:id="rId2"/>
  </tablePart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4"/>
  <sheetViews>
    <sheetView tabSelected="1" workbookViewId="0">
      <pane ySplit="1" topLeftCell="A2" activePane="bottomLeft" state="frozen"/>
      <selection pane="bottomLeft" activeCell="F20" sqref="F20"/>
    </sheetView>
  </sheetViews>
  <sheetFormatPr defaultColWidth="27.140625" defaultRowHeight="15" x14ac:dyDescent="0.25"/>
  <cols>
    <col min="2" max="2" width="18.5703125" customWidth="1"/>
    <col min="3" max="3" width="24" customWidth="1"/>
    <col min="4" max="4" width="20.28515625" customWidth="1"/>
    <col min="5" max="5" width="46.28515625" customWidth="1"/>
    <col min="6" max="6" width="44" customWidth="1"/>
  </cols>
  <sheetData>
    <row r="1" spans="1:6" x14ac:dyDescent="0.25">
      <c r="A1" s="10" t="s">
        <v>94</v>
      </c>
      <c r="B1" s="10" t="s">
        <v>95</v>
      </c>
      <c r="C1" s="10" t="s">
        <v>96</v>
      </c>
      <c r="D1" s="10" t="s">
        <v>97</v>
      </c>
      <c r="E1" s="10" t="s">
        <v>98</v>
      </c>
      <c r="F1" s="10" t="s">
        <v>99</v>
      </c>
    </row>
    <row r="2" spans="1:6" ht="216.75" x14ac:dyDescent="0.25">
      <c r="A2" s="9" t="s">
        <v>157</v>
      </c>
      <c r="B2" s="8" t="s">
        <v>158</v>
      </c>
      <c r="C2" s="9" t="s">
        <v>159</v>
      </c>
      <c r="D2" s="9" t="s">
        <v>160</v>
      </c>
      <c r="E2" s="9" t="s">
        <v>161</v>
      </c>
      <c r="F2" s="9" t="s">
        <v>162</v>
      </c>
    </row>
    <row r="3" spans="1:6" ht="140.25" x14ac:dyDescent="0.25">
      <c r="A3" s="9" t="s">
        <v>157</v>
      </c>
      <c r="B3" s="8" t="s">
        <v>163</v>
      </c>
      <c r="C3" s="9" t="s">
        <v>164</v>
      </c>
      <c r="D3" s="9" t="s">
        <v>165</v>
      </c>
      <c r="E3" s="9" t="s">
        <v>166</v>
      </c>
      <c r="F3" s="9" t="s">
        <v>167</v>
      </c>
    </row>
    <row r="4" spans="1:6" ht="140.25" x14ac:dyDescent="0.25">
      <c r="A4" s="9" t="s">
        <v>157</v>
      </c>
      <c r="B4" s="8" t="s">
        <v>168</v>
      </c>
      <c r="C4" s="9" t="s">
        <v>169</v>
      </c>
      <c r="D4" s="9" t="s">
        <v>170</v>
      </c>
      <c r="E4" s="9" t="s">
        <v>171</v>
      </c>
      <c r="F4" s="9" t="s">
        <v>172</v>
      </c>
    </row>
    <row r="5" spans="1:6" ht="191.25" x14ac:dyDescent="0.25">
      <c r="A5" s="9" t="s">
        <v>157</v>
      </c>
      <c r="B5" s="8" t="s">
        <v>173</v>
      </c>
      <c r="C5" s="9" t="s">
        <v>169</v>
      </c>
      <c r="D5" s="9" t="s">
        <v>174</v>
      </c>
      <c r="E5" s="9" t="s">
        <v>175</v>
      </c>
      <c r="F5" s="9" t="s">
        <v>176</v>
      </c>
    </row>
    <row r="6" spans="1:6" ht="102" x14ac:dyDescent="0.25">
      <c r="A6" s="9" t="s">
        <v>157</v>
      </c>
      <c r="B6" s="12" t="s">
        <v>177</v>
      </c>
      <c r="C6" s="11" t="s">
        <v>178</v>
      </c>
      <c r="D6" s="11" t="s">
        <v>179</v>
      </c>
      <c r="E6" s="11" t="s">
        <v>180</v>
      </c>
      <c r="F6" s="11" t="s">
        <v>181</v>
      </c>
    </row>
    <row r="7" spans="1:6" ht="76.5" x14ac:dyDescent="0.25">
      <c r="A7" s="13" t="s">
        <v>157</v>
      </c>
      <c r="B7" s="14" t="s">
        <v>182</v>
      </c>
      <c r="C7" s="13" t="s">
        <v>183</v>
      </c>
      <c r="D7" s="13" t="s">
        <v>184</v>
      </c>
      <c r="E7" s="13" t="s">
        <v>185</v>
      </c>
      <c r="F7" s="13" t="s">
        <v>186</v>
      </c>
    </row>
    <row r="8" spans="1:6" ht="153" x14ac:dyDescent="0.25">
      <c r="A8" s="15" t="s">
        <v>187</v>
      </c>
      <c r="B8" s="16" t="s">
        <v>188</v>
      </c>
      <c r="C8" s="15" t="s">
        <v>189</v>
      </c>
      <c r="D8" s="15" t="s">
        <v>190</v>
      </c>
      <c r="E8" s="15" t="s">
        <v>191</v>
      </c>
      <c r="F8" s="15" t="s">
        <v>192</v>
      </c>
    </row>
    <row r="9" spans="1:6" ht="153" x14ac:dyDescent="0.25">
      <c r="A9" s="15" t="s">
        <v>187</v>
      </c>
      <c r="B9" s="16" t="s">
        <v>193</v>
      </c>
      <c r="C9" s="15" t="s">
        <v>194</v>
      </c>
      <c r="D9" s="15" t="s">
        <v>195</v>
      </c>
      <c r="E9" s="15" t="s">
        <v>196</v>
      </c>
      <c r="F9" s="15" t="s">
        <v>197</v>
      </c>
    </row>
    <row r="10" spans="1:6" ht="140.25" x14ac:dyDescent="0.25">
      <c r="A10" s="15" t="s">
        <v>198</v>
      </c>
      <c r="B10" s="16" t="s">
        <v>199</v>
      </c>
      <c r="C10" s="15" t="s">
        <v>200</v>
      </c>
      <c r="D10" s="15" t="s">
        <v>201</v>
      </c>
      <c r="E10" s="15" t="s">
        <v>202</v>
      </c>
      <c r="F10" s="15" t="s">
        <v>203</v>
      </c>
    </row>
    <row r="11" spans="1:6" ht="229.5" x14ac:dyDescent="0.25">
      <c r="A11" s="15" t="s">
        <v>198</v>
      </c>
      <c r="B11" s="16" t="s">
        <v>204</v>
      </c>
      <c r="C11" s="15" t="s">
        <v>205</v>
      </c>
      <c r="D11" s="15" t="s">
        <v>206</v>
      </c>
      <c r="E11" s="15" t="s">
        <v>207</v>
      </c>
      <c r="F11" s="15" t="s">
        <v>208</v>
      </c>
    </row>
    <row r="12" spans="1:6" ht="178.5" x14ac:dyDescent="0.25">
      <c r="A12" s="15" t="s">
        <v>198</v>
      </c>
      <c r="B12" s="16" t="s">
        <v>209</v>
      </c>
      <c r="C12" s="15" t="s">
        <v>210</v>
      </c>
      <c r="D12" s="15" t="s">
        <v>211</v>
      </c>
      <c r="E12" s="15" t="s">
        <v>212</v>
      </c>
      <c r="F12" s="15" t="s">
        <v>213</v>
      </c>
    </row>
    <row r="13" spans="1:6" ht="153" x14ac:dyDescent="0.25">
      <c r="A13" s="15" t="s">
        <v>198</v>
      </c>
      <c r="B13" s="16" t="s">
        <v>214</v>
      </c>
      <c r="C13" s="15" t="s">
        <v>215</v>
      </c>
      <c r="D13" s="15" t="s">
        <v>216</v>
      </c>
      <c r="E13" s="15" t="s">
        <v>217</v>
      </c>
      <c r="F13" s="15" t="s">
        <v>218</v>
      </c>
    </row>
    <row r="14" spans="1:6" ht="89.25" x14ac:dyDescent="0.25">
      <c r="A14" s="13" t="s">
        <v>198</v>
      </c>
      <c r="B14" s="14" t="s">
        <v>219</v>
      </c>
      <c r="C14" s="13" t="s">
        <v>220</v>
      </c>
      <c r="D14" s="13" t="s">
        <v>221</v>
      </c>
      <c r="E14" s="13" t="s">
        <v>222</v>
      </c>
      <c r="F14" s="13" t="s">
        <v>223</v>
      </c>
    </row>
  </sheetData>
  <pageMargins left="0.511811024" right="0.511811024" top="0.78740157499999996" bottom="0.78740157499999996" header="0.31496062000000002" footer="0.31496062000000002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ejamento</vt:lpstr>
      <vt:lpstr>Seleção do Fornecedor</vt:lpstr>
      <vt:lpstr>Gestão do Contrato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inicius da Silva Almeida</dc:creator>
  <cp:lastModifiedBy>Vinicius da Silva Almeida</cp:lastModifiedBy>
  <dcterms:created xsi:type="dcterms:W3CDTF">2024-04-11T14:53:31Z</dcterms:created>
  <dcterms:modified xsi:type="dcterms:W3CDTF">2024-04-12T22:09:28Z</dcterms:modified>
</cp:coreProperties>
</file>